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6C58E6BD" w14:textId="06721624" w:rsidR="00CF1FCE" w:rsidRPr="00FD1956" w:rsidRDefault="00D97A03" w:rsidP="00D97A03">
      <w:pPr>
        <w:pStyle w:val="Default"/>
        <w:jc w:val="center"/>
      </w:pPr>
      <w:r w:rsidRPr="00FD1956">
        <w:t xml:space="preserve">July </w:t>
      </w:r>
      <w:r w:rsidR="000D3604">
        <w:t>26</w:t>
      </w:r>
      <w:r w:rsidRPr="00FD1956">
        <w:t>, 2024</w:t>
      </w:r>
    </w:p>
    <w:p w14:paraId="7DCE01F3" w14:textId="77777777" w:rsidR="00CF1FCE" w:rsidRPr="00FD1956" w:rsidRDefault="00CF1FCE" w:rsidP="00CF1FCE">
      <w:pPr>
        <w:pStyle w:val="Default"/>
      </w:pPr>
    </w:p>
    <w:p w14:paraId="2998C8D0" w14:textId="60B170B9" w:rsidR="00CF1FCE" w:rsidRPr="00FD1956" w:rsidRDefault="00CF1FCE" w:rsidP="00CF1FCE">
      <w:pPr>
        <w:pStyle w:val="Default"/>
        <w:rPr>
          <w:b/>
          <w:bCs/>
          <w:u w:val="single"/>
        </w:rPr>
      </w:pPr>
      <w:r w:rsidRPr="00FD1956">
        <w:rPr>
          <w:b/>
          <w:bCs/>
          <w:u w:val="single"/>
        </w:rPr>
        <w:t>V</w:t>
      </w:r>
      <w:r w:rsidR="00FD1956" w:rsidRPr="00FD1956">
        <w:rPr>
          <w:b/>
          <w:bCs/>
          <w:u w:val="single"/>
        </w:rPr>
        <w:t>IA</w:t>
      </w:r>
      <w:r w:rsidRPr="00FD1956">
        <w:rPr>
          <w:b/>
          <w:bCs/>
          <w:u w:val="single"/>
        </w:rPr>
        <w:t xml:space="preserve"> E</w:t>
      </w:r>
      <w:r w:rsidR="00FD1956" w:rsidRPr="00FD1956">
        <w:rPr>
          <w:b/>
          <w:bCs/>
          <w:u w:val="single"/>
        </w:rPr>
        <w:t>MAIL</w:t>
      </w:r>
      <w:r w:rsidRPr="00FD1956">
        <w:rPr>
          <w:b/>
          <w:bCs/>
          <w:u w:val="single"/>
        </w:rPr>
        <w:t xml:space="preserve"> </w:t>
      </w:r>
    </w:p>
    <w:p w14:paraId="0AEC95A8" w14:textId="77777777" w:rsidR="00CF1FCE" w:rsidRPr="00FD1956" w:rsidRDefault="00CF1FCE" w:rsidP="00CF1FCE">
      <w:pPr>
        <w:pStyle w:val="Default"/>
      </w:pPr>
    </w:p>
    <w:p w14:paraId="655C999E" w14:textId="2473D62F" w:rsidR="00CF1FCE" w:rsidRPr="00FD1956" w:rsidRDefault="00CF1FCE" w:rsidP="00CF1FCE">
      <w:pPr>
        <w:pStyle w:val="Default"/>
      </w:pPr>
      <w:r w:rsidRPr="00FD1956">
        <w:t xml:space="preserve">Stephen Davis, Director </w:t>
      </w:r>
    </w:p>
    <w:p w14:paraId="2C7E3C3C" w14:textId="77777777" w:rsidR="00CF1FCE" w:rsidRPr="00FD1956" w:rsidRDefault="00CF1FCE" w:rsidP="00CF1FCE">
      <w:pPr>
        <w:pStyle w:val="Default"/>
      </w:pPr>
      <w:r w:rsidRPr="00FD1956">
        <w:t xml:space="preserve">Division of Health Care Facility Licensure and Certification </w:t>
      </w:r>
    </w:p>
    <w:p w14:paraId="01D98A9D" w14:textId="77777777" w:rsidR="00CF1FCE" w:rsidRPr="00FD1956" w:rsidRDefault="00CF1FCE" w:rsidP="00CF1FCE">
      <w:pPr>
        <w:pStyle w:val="Default"/>
      </w:pPr>
      <w:r w:rsidRPr="00FD1956">
        <w:t xml:space="preserve">Department of Public Health </w:t>
      </w:r>
    </w:p>
    <w:p w14:paraId="11A76116" w14:textId="77777777" w:rsidR="00CF1FCE" w:rsidRPr="00FD1956" w:rsidRDefault="00CF1FCE" w:rsidP="00CF1FCE">
      <w:pPr>
        <w:pStyle w:val="Default"/>
        <w:rPr>
          <w:color w:val="131313"/>
        </w:rPr>
      </w:pPr>
      <w:r w:rsidRPr="00FD1956">
        <w:rPr>
          <w:color w:val="131313"/>
        </w:rPr>
        <w:t xml:space="preserve">67 Forest Street </w:t>
      </w:r>
    </w:p>
    <w:p w14:paraId="5D443760" w14:textId="77777777" w:rsidR="00CF1FCE" w:rsidRPr="00FD1956" w:rsidRDefault="00CF1FCE" w:rsidP="00CF1FCE">
      <w:pPr>
        <w:pStyle w:val="Default"/>
        <w:rPr>
          <w:color w:val="131313"/>
        </w:rPr>
      </w:pPr>
      <w:r w:rsidRPr="00FD1956">
        <w:rPr>
          <w:color w:val="131313"/>
        </w:rPr>
        <w:t xml:space="preserve">Marlborough, MA 01752 </w:t>
      </w:r>
    </w:p>
    <w:p w14:paraId="25CC156B" w14:textId="77777777" w:rsidR="00CF1FCE" w:rsidRPr="00FD1956" w:rsidRDefault="00CF1FCE" w:rsidP="00CF1FCE">
      <w:pPr>
        <w:pStyle w:val="Default"/>
      </w:pPr>
    </w:p>
    <w:p w14:paraId="1F52F6D4" w14:textId="4F4A2BE0" w:rsidR="00CF1FCE" w:rsidRPr="00FD1956" w:rsidRDefault="00CF1FCE" w:rsidP="00CF1FCE">
      <w:pPr>
        <w:pStyle w:val="Default"/>
      </w:pPr>
      <w:r w:rsidRPr="00FD1956">
        <w:t xml:space="preserve">Re: </w:t>
      </w:r>
      <w:r w:rsidRPr="00FD1956">
        <w:tab/>
      </w:r>
      <w:r w:rsidR="00E51328">
        <w:rPr>
          <w:u w:val="single"/>
        </w:rPr>
        <w:t>Carney Hospital</w:t>
      </w:r>
      <w:r w:rsidRPr="00FD1956">
        <w:rPr>
          <w:u w:val="single"/>
        </w:rPr>
        <w:t xml:space="preserve"> – Notice of Hospital Closure</w:t>
      </w:r>
      <w:r w:rsidRPr="00FD1956">
        <w:t xml:space="preserve"> </w:t>
      </w:r>
    </w:p>
    <w:p w14:paraId="3E82F63C" w14:textId="77777777" w:rsidR="00CF1FCE" w:rsidRPr="00FD1956" w:rsidRDefault="00CF1FCE" w:rsidP="00CF1FCE">
      <w:pPr>
        <w:pStyle w:val="Default"/>
      </w:pPr>
    </w:p>
    <w:p w14:paraId="4CD3D897" w14:textId="412D2C1F" w:rsidR="00CF1FCE" w:rsidRPr="00FD1956" w:rsidRDefault="00CF1FCE" w:rsidP="00CF1FCE">
      <w:pPr>
        <w:pStyle w:val="Default"/>
      </w:pPr>
      <w:r w:rsidRPr="00FD1956">
        <w:t xml:space="preserve">Dear Mr. Davis: </w:t>
      </w:r>
    </w:p>
    <w:p w14:paraId="0538194C" w14:textId="77777777" w:rsidR="00CF1FCE" w:rsidRPr="00FD1956" w:rsidRDefault="00CF1FCE" w:rsidP="00CF1FCE">
      <w:pPr>
        <w:pStyle w:val="Default"/>
      </w:pPr>
    </w:p>
    <w:p w14:paraId="35C8C660" w14:textId="5E680791" w:rsidR="00FF55E8" w:rsidRPr="00FD1956" w:rsidRDefault="00CF1FCE" w:rsidP="00A82A04">
      <w:pPr>
        <w:pStyle w:val="Default"/>
        <w:jc w:val="both"/>
      </w:pPr>
      <w:r w:rsidRPr="00FD1956">
        <w:t xml:space="preserve">This letter is submitted on behalf of Steward Health Care System </w:t>
      </w:r>
      <w:r w:rsidR="00D97A03" w:rsidRPr="00FD1956">
        <w:t xml:space="preserve">LLC </w:t>
      </w:r>
      <w:r w:rsidRPr="00FD1956">
        <w:t xml:space="preserve">regarding </w:t>
      </w:r>
      <w:bookmarkStart w:id="0" w:name="_Hlk172720704"/>
      <w:r w:rsidR="00E51328">
        <w:t>Carney Hospital</w:t>
      </w:r>
      <w:r w:rsidRPr="00FD1956">
        <w:t xml:space="preserve">, located at </w:t>
      </w:r>
      <w:r w:rsidR="00E51328">
        <w:t>2100 Dorchester Avenue, Dorchester</w:t>
      </w:r>
      <w:r w:rsidR="00D97A03" w:rsidRPr="00FD1956">
        <w:t>, MA 0</w:t>
      </w:r>
      <w:r w:rsidR="00E51328">
        <w:t>2124</w:t>
      </w:r>
      <w:r w:rsidRPr="00FD1956">
        <w:t xml:space="preserve"> </w:t>
      </w:r>
      <w:bookmarkEnd w:id="0"/>
      <w:r w:rsidRPr="00FD1956">
        <w:t xml:space="preserve">(the “Hospital”). Pursuant to </w:t>
      </w:r>
      <w:bookmarkStart w:id="1" w:name="_Hlk172641729"/>
      <w:r w:rsidRPr="00FD1956">
        <w:t>105 CMR 130.122</w:t>
      </w:r>
      <w:bookmarkEnd w:id="1"/>
      <w:r w:rsidRPr="00FD1956">
        <w:t xml:space="preserve">, the Hospital hereby informs the Department of Public Health (“Department”) that </w:t>
      </w:r>
      <w:r w:rsidR="00385B59">
        <w:t xml:space="preserve">the </w:t>
      </w:r>
      <w:r w:rsidR="00E51328">
        <w:t>H</w:t>
      </w:r>
      <w:r w:rsidR="00385B59">
        <w:t xml:space="preserve">ospital intends to close and </w:t>
      </w:r>
      <w:r w:rsidR="00B57069">
        <w:t xml:space="preserve">will </w:t>
      </w:r>
      <w:r w:rsidR="00385B59">
        <w:t xml:space="preserve">submit </w:t>
      </w:r>
      <w:r w:rsidR="00B57069">
        <w:t xml:space="preserve">its </w:t>
      </w:r>
      <w:r w:rsidR="00385B59">
        <w:t xml:space="preserve">notice of the proposed closure shortly. </w:t>
      </w:r>
      <w:r w:rsidRPr="00FD1956">
        <w:t xml:space="preserve">The proposed closure will include the following: </w:t>
      </w:r>
      <w:bookmarkStart w:id="2" w:name="_Hlk172720746"/>
      <w:r w:rsidR="00E51328">
        <w:t>83</w:t>
      </w:r>
      <w:r w:rsidR="006B3751" w:rsidRPr="00FD1956">
        <w:t xml:space="preserve"> Medical/Surgical beds, </w:t>
      </w:r>
      <w:r w:rsidR="00E51328">
        <w:t>19</w:t>
      </w:r>
      <w:r w:rsidR="006B3751" w:rsidRPr="00FD1956">
        <w:t xml:space="preserve"> Intensive Care Unit beds, </w:t>
      </w:r>
      <w:r w:rsidR="00E51328">
        <w:t>7</w:t>
      </w:r>
      <w:r w:rsidR="006B3751" w:rsidRPr="00FD1956">
        <w:t xml:space="preserve"> Pediatric Service beds, </w:t>
      </w:r>
      <w:r w:rsidR="00E51328">
        <w:t>50</w:t>
      </w:r>
      <w:r w:rsidR="006B3751" w:rsidRPr="00FD1956">
        <w:t xml:space="preserve"> Psychiatric Service beds, </w:t>
      </w:r>
      <w:r w:rsidR="00E27981" w:rsidRPr="00FD1956">
        <w:t xml:space="preserve">and all ambulatory care services </w:t>
      </w:r>
      <w:r w:rsidR="00FF55E8" w:rsidRPr="00FD1956">
        <w:t>at the Hospital</w:t>
      </w:r>
      <w:r w:rsidRPr="00FD1956">
        <w:t xml:space="preserve">. </w:t>
      </w:r>
      <w:bookmarkEnd w:id="2"/>
    </w:p>
    <w:p w14:paraId="3092DB7A" w14:textId="77777777" w:rsidR="00CF1FCE" w:rsidRPr="00FD1956" w:rsidRDefault="00CF1FCE" w:rsidP="00A82A04">
      <w:pPr>
        <w:pStyle w:val="Default"/>
        <w:jc w:val="both"/>
      </w:pPr>
    </w:p>
    <w:p w14:paraId="1B3890BF" w14:textId="542F2B09" w:rsidR="00CF1FCE" w:rsidRPr="00FD1956" w:rsidRDefault="00CF1FCE" w:rsidP="00A82A04">
      <w:pPr>
        <w:pStyle w:val="Default"/>
        <w:jc w:val="both"/>
      </w:pPr>
      <w:r w:rsidRPr="00FD1956">
        <w:t xml:space="preserve">Please note that in compliance with the Department’s regulations, the Hospital, through separate correspondence, is sending notice to the Hospital’s Patient and Family Council, each staff member of the Hospital, and every labor organization that represents the Hospital’s workforce during the period of the essential services closure process. Notice is also being sent to the members of the General Court, as well as appropriate local elected officials. </w:t>
      </w:r>
    </w:p>
    <w:p w14:paraId="057FE532" w14:textId="77777777" w:rsidR="00CF1FCE" w:rsidRPr="00FD1956" w:rsidRDefault="00CF1FCE" w:rsidP="00A82A04">
      <w:pPr>
        <w:jc w:val="both"/>
      </w:pPr>
    </w:p>
    <w:p w14:paraId="425E25E9" w14:textId="27C81A46" w:rsidR="0050629B" w:rsidRPr="00FD1956" w:rsidRDefault="00CF1FCE" w:rsidP="00A82A04">
      <w:pPr>
        <w:jc w:val="both"/>
      </w:pPr>
      <w:r w:rsidRPr="00FD1956">
        <w:t xml:space="preserve">Thank you for your attention to this matter. If you have any questions, please do not hesitate to contact </w:t>
      </w:r>
      <w:r w:rsidR="00E51328">
        <w:t>Stan McLaren</w:t>
      </w:r>
      <w:r w:rsidRPr="00FD1956">
        <w:t xml:space="preserve">, President of the Hospital at </w:t>
      </w:r>
      <w:hyperlink r:id="rId8" w:history="1">
        <w:r w:rsidR="00D8645B" w:rsidRPr="009D6297">
          <w:rPr>
            <w:rStyle w:val="Hyperlink"/>
          </w:rPr>
          <w:t>stan.mclaren@steward.org</w:t>
        </w:r>
      </w:hyperlink>
      <w:r w:rsidRPr="00FD1956">
        <w:t>, or me.</w:t>
      </w:r>
    </w:p>
    <w:p w14:paraId="2FC42EF1" w14:textId="3B3FF66C" w:rsidR="00570602" w:rsidRPr="00FD1956" w:rsidRDefault="00570602" w:rsidP="00A82A04">
      <w:pPr>
        <w:jc w:val="both"/>
      </w:pPr>
    </w:p>
    <w:p w14:paraId="1FDD6235" w14:textId="74F76AFF" w:rsidR="00570602" w:rsidRPr="00FD1956" w:rsidRDefault="00570602" w:rsidP="00A82A04">
      <w:pPr>
        <w:jc w:val="both"/>
      </w:pPr>
      <w:r w:rsidRPr="00FD1956">
        <w:tab/>
      </w:r>
      <w:r w:rsidRPr="00FD1956">
        <w:tab/>
      </w:r>
      <w:r w:rsidRPr="00FD1956">
        <w:tab/>
      </w:r>
      <w:r w:rsidRPr="00FD1956">
        <w:tab/>
      </w:r>
      <w:r w:rsidRPr="00FD1956">
        <w:tab/>
      </w:r>
      <w:r w:rsidRPr="00FD1956">
        <w:tab/>
      </w:r>
      <w:r w:rsidRPr="00FD1956">
        <w:tab/>
        <w:t>Sincerely,</w:t>
      </w:r>
    </w:p>
    <w:p w14:paraId="4F4B1CF5" w14:textId="266EBDB8" w:rsidR="00570602" w:rsidRPr="00FD1956" w:rsidRDefault="00570602" w:rsidP="00A82A04">
      <w:pPr>
        <w:jc w:val="both"/>
      </w:pPr>
      <w:r w:rsidRPr="00FD1956">
        <w:rPr>
          <w:noProof/>
        </w:rPr>
        <w:drawing>
          <wp:anchor distT="0" distB="0" distL="114300" distR="114300" simplePos="0" relativeHeight="251658240" behindDoc="1" locked="0" layoutInCell="1" allowOverlap="1" wp14:anchorId="48B14BD5" wp14:editId="1DDD7D09">
            <wp:simplePos x="0" y="0"/>
            <wp:positionH relativeFrom="column">
              <wp:posOffset>3215640</wp:posOffset>
            </wp:positionH>
            <wp:positionV relativeFrom="paragraph">
              <wp:posOffset>93980</wp:posOffset>
            </wp:positionV>
            <wp:extent cx="2125980" cy="777240"/>
            <wp:effectExtent l="0" t="0" r="7620" b="381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2125980" cy="77724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7CDCF28B" w14:textId="2800DCCE" w:rsidR="00570602" w:rsidRPr="00FD1956" w:rsidRDefault="00570602" w:rsidP="00570602">
      <w:pPr>
        <w:pStyle w:val="LetterSigBlock"/>
        <w:rPr>
          <w:szCs w:val="24"/>
        </w:rPr>
      </w:pPr>
      <w:r w:rsidRPr="00FD1956">
        <w:rPr>
          <w:szCs w:val="24"/>
        </w:rPr>
        <w:tab/>
      </w:r>
      <w:r w:rsidRPr="00FD1956">
        <w:rPr>
          <w:szCs w:val="24"/>
        </w:rPr>
        <w:tab/>
      </w:r>
      <w:r w:rsidRPr="00FD1956">
        <w:rPr>
          <w:szCs w:val="24"/>
        </w:rPr>
        <w:tab/>
      </w:r>
      <w:r w:rsidRPr="00FD1956">
        <w:rPr>
          <w:szCs w:val="24"/>
        </w:rPr>
        <w:tab/>
      </w:r>
      <w:r w:rsidRPr="00FD1956">
        <w:rPr>
          <w:szCs w:val="24"/>
        </w:rPr>
        <w:tab/>
      </w:r>
      <w:r w:rsidRPr="00FD1956">
        <w:rPr>
          <w:szCs w:val="24"/>
        </w:rPr>
        <w:tab/>
      </w:r>
      <w:r w:rsidRPr="00FD1956">
        <w:rPr>
          <w:szCs w:val="24"/>
        </w:rPr>
        <w:tab/>
        <w:t>HUSCH BLACKWELL LLP</w:t>
      </w:r>
    </w:p>
    <w:p w14:paraId="400496D8" w14:textId="38C2DB95" w:rsidR="00570602" w:rsidRPr="00FD1956" w:rsidRDefault="00570602" w:rsidP="00A82A04">
      <w:pPr>
        <w:jc w:val="both"/>
        <w:rPr>
          <w:b/>
          <w:bCs/>
        </w:rPr>
      </w:pP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rPr>
          <w:b/>
          <w:bCs/>
        </w:rPr>
        <w:tab/>
      </w:r>
    </w:p>
    <w:p w14:paraId="0DAC6B21" w14:textId="43350738" w:rsidR="00570602" w:rsidRPr="00FD1956" w:rsidRDefault="00570602" w:rsidP="00A82A04">
      <w:pPr>
        <w:jc w:val="both"/>
        <w:rPr>
          <w:b/>
          <w:bCs/>
        </w:rPr>
      </w:pP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rPr>
          <w:b/>
          <w:bCs/>
        </w:rPr>
        <w:tab/>
      </w:r>
    </w:p>
    <w:p w14:paraId="6462CB34" w14:textId="29E45B5A" w:rsidR="00570602" w:rsidRPr="00FD1956" w:rsidRDefault="00570602" w:rsidP="00A82A04">
      <w:pPr>
        <w:jc w:val="both"/>
      </w:pP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t>Rebecca Rodman</w:t>
      </w:r>
    </w:p>
    <w:p w14:paraId="3891446B" w14:textId="37FA839B" w:rsidR="00570602" w:rsidRPr="00FD1956" w:rsidRDefault="00570602" w:rsidP="00A82A04">
      <w:pPr>
        <w:jc w:val="both"/>
      </w:pPr>
    </w:p>
    <w:p w14:paraId="120021CA" w14:textId="6856486D" w:rsidR="00570602" w:rsidRPr="00FD1956" w:rsidRDefault="00570602" w:rsidP="000D3604">
      <w:pPr>
        <w:rPr>
          <w:lang w:eastAsia="x-none"/>
        </w:rPr>
      </w:pPr>
      <w:r w:rsidRPr="00FD1956">
        <w:t>cc:</w:t>
      </w:r>
      <w:r w:rsidRPr="00FD1956">
        <w:tab/>
      </w:r>
      <w:r w:rsidRPr="00FD1956">
        <w:rPr>
          <w:lang w:eastAsia="x-none"/>
        </w:rPr>
        <w:t>Walter Mackie, DPH</w:t>
      </w:r>
    </w:p>
    <w:p w14:paraId="47529900" w14:textId="77777777" w:rsidR="00B57069" w:rsidRPr="00FD1956" w:rsidRDefault="00B57069" w:rsidP="00B57069">
      <w:pPr>
        <w:ind w:firstLine="720"/>
        <w:rPr>
          <w:lang w:eastAsia="x-none"/>
        </w:rPr>
      </w:pPr>
      <w:r w:rsidRPr="000D3604">
        <w:rPr>
          <w:lang w:eastAsia="x-none"/>
        </w:rPr>
        <w:t>Antonio Sousa, DPH</w:t>
      </w:r>
    </w:p>
    <w:p w14:paraId="2A1CF1AA" w14:textId="77777777" w:rsidR="00570602" w:rsidRPr="00FD1956" w:rsidRDefault="00570602" w:rsidP="00570602">
      <w:pPr>
        <w:ind w:firstLine="720"/>
        <w:rPr>
          <w:lang w:eastAsia="x-none"/>
        </w:rPr>
      </w:pPr>
      <w:r w:rsidRPr="00FD1956">
        <w:rPr>
          <w:lang w:eastAsia="x-none"/>
        </w:rPr>
        <w:t>Judy Bernice, DPH</w:t>
      </w:r>
    </w:p>
    <w:p w14:paraId="336FD1D6" w14:textId="77777777" w:rsidR="00570602" w:rsidRPr="00FD1956" w:rsidRDefault="00570602" w:rsidP="00570602">
      <w:pPr>
        <w:ind w:firstLine="720"/>
        <w:rPr>
          <w:lang w:eastAsia="x-none"/>
        </w:rPr>
      </w:pPr>
      <w:r w:rsidRPr="00FD1956">
        <w:rPr>
          <w:lang w:eastAsia="x-none"/>
        </w:rPr>
        <w:t>Rebecca Kaye, DPH</w:t>
      </w:r>
    </w:p>
    <w:p w14:paraId="63D1D8BB" w14:textId="77777777" w:rsidR="00570602" w:rsidRPr="00FD1956" w:rsidRDefault="00570602" w:rsidP="00570602">
      <w:pPr>
        <w:ind w:firstLine="720"/>
        <w:rPr>
          <w:lang w:eastAsia="x-none"/>
        </w:rPr>
      </w:pPr>
      <w:r w:rsidRPr="00FD1956">
        <w:rPr>
          <w:lang w:eastAsia="x-none"/>
        </w:rPr>
        <w:t>Torey McNamara, DPH</w:t>
      </w:r>
    </w:p>
    <w:p w14:paraId="209796C5" w14:textId="48844508" w:rsidR="00570602" w:rsidRPr="00FD1956" w:rsidRDefault="00E51328" w:rsidP="00B84343">
      <w:pPr>
        <w:ind w:firstLine="720"/>
      </w:pPr>
      <w:r>
        <w:rPr>
          <w:lang w:eastAsia="x-none"/>
        </w:rPr>
        <w:lastRenderedPageBreak/>
        <w:t>Stan McLaren</w:t>
      </w:r>
      <w:r w:rsidR="00570602" w:rsidRPr="00FD1956">
        <w:rPr>
          <w:lang w:eastAsia="x-none"/>
        </w:rPr>
        <w:t>, Steward</w:t>
      </w:r>
    </w:p>
    <w:sectPr w:rsidR="00570602" w:rsidRPr="00FD1956" w:rsidSect="00D8645B">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360" w:left="1440" w:header="720" w:footer="349"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7D389087" w14:textId="77777777" w:rsidR="00C57D2A" w:rsidRDefault="00C57D2A" w:rsidP="00570602">
      <w:r>
        <w:separator/>
      </w:r>
    </w:p>
  </w:endnote>
  <w:endnote w:type="continuationSeparator" w:id="0">
    <w:p w14:paraId="67872E5C" w14:textId="77777777" w:rsidR="00C57D2A" w:rsidRDefault="00C57D2A" w:rsidP="0057060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CAB8D9A" w14:textId="78BCDA8F" w:rsidR="00570602" w:rsidRPr="009C4CC9" w:rsidRDefault="00570602" w:rsidP="009C4CC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5624A89" w14:textId="18D8F74A" w:rsidR="00570602" w:rsidRPr="009C4CC9" w:rsidRDefault="00570602" w:rsidP="009C4CC9">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7617169" w14:textId="083967E3" w:rsidR="00950F4A" w:rsidRPr="00BD4B41" w:rsidRDefault="00950F4A" w:rsidP="00950F4A">
    <w:pPr>
      <w:pStyle w:val="Footer"/>
    </w:pPr>
    <w:r>
      <w:fldChar w:fldCharType="begin"/>
    </w:r>
    <w:r>
      <w:instrText xml:space="preserve"> DOCPROPERTY DOCXDOCID DMS=NetDocuments Format=HB: &lt;&lt;ID&gt;&gt;.&lt;&lt;VER&gt;&gt; \* MERGEFORMAT </w:instrText>
    </w:r>
    <w:r>
      <w:fldChar w:fldCharType="separate"/>
    </w:r>
    <w:r w:rsidR="00E0415C" w:rsidRPr="00E0415C">
      <w:rPr>
        <w:rStyle w:val="DocID"/>
      </w:rPr>
      <w:t>HB: 4873-3208-4691.1</w:t>
    </w:r>
    <w:r>
      <w:rPr>
        <w:rStyle w:val="DocID"/>
      </w:rPr>
      <w:fldChar w:fldCharType="end"/>
    </w:r>
  </w:p>
  <w:p w14:paraId="080EB0AA" w14:textId="5693A20E" w:rsidR="00570602" w:rsidRPr="009C4CC9" w:rsidRDefault="00570602" w:rsidP="009C4CC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0416C86" w14:textId="77777777" w:rsidR="00C57D2A" w:rsidRDefault="00C57D2A" w:rsidP="00570602">
      <w:r>
        <w:separator/>
      </w:r>
    </w:p>
  </w:footnote>
  <w:footnote w:type="continuationSeparator" w:id="0">
    <w:p w14:paraId="7B519B55" w14:textId="77777777" w:rsidR="00C57D2A" w:rsidRDefault="00C57D2A" w:rsidP="0057060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590A364" w14:textId="77777777" w:rsidR="009C4CC9" w:rsidRDefault="009C4CC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42F4512" w14:textId="77777777" w:rsidR="00626898" w:rsidRPr="00256DEC" w:rsidRDefault="00626898" w:rsidP="00626898">
    <w:pPr>
      <w:pStyle w:val="BodyText"/>
      <w:widowControl/>
      <w:rPr>
        <w:kern w:val="2"/>
      </w:rPr>
    </w:pPr>
    <w:r w:rsidRPr="00256DEC">
      <w:rPr>
        <w:kern w:val="2"/>
      </w:rPr>
      <w:t>Stephen Davis, Director</w:t>
    </w:r>
  </w:p>
  <w:p w14:paraId="24796FAD" w14:textId="77777777" w:rsidR="00626898" w:rsidRDefault="00626898" w:rsidP="00626898">
    <w:pPr>
      <w:pStyle w:val="BodyText"/>
      <w:widowControl/>
      <w:rPr>
        <w:kern w:val="2"/>
      </w:rPr>
    </w:pPr>
    <w:r w:rsidRPr="00256DEC">
      <w:rPr>
        <w:kern w:val="2"/>
      </w:rPr>
      <w:t>Division of Health Care Facility Licensure and Certification</w:t>
    </w:r>
  </w:p>
  <w:p w14:paraId="61BDF2CC" w14:textId="77777777" w:rsidR="00626898" w:rsidRPr="00256DEC" w:rsidRDefault="00626898" w:rsidP="00626898">
    <w:pPr>
      <w:pStyle w:val="BodyText"/>
      <w:widowControl/>
      <w:rPr>
        <w:kern w:val="2"/>
      </w:rPr>
    </w:pPr>
    <w:r w:rsidRPr="00256DEC">
      <w:rPr>
        <w:kern w:val="2"/>
      </w:rPr>
      <w:t>Bureau of Health Care Safety and Quality</w:t>
    </w:r>
  </w:p>
  <w:p w14:paraId="4F1869BB" w14:textId="77777777" w:rsidR="00626898" w:rsidRDefault="00626898" w:rsidP="00626898">
    <w:pPr>
      <w:pStyle w:val="BodyText"/>
      <w:widowControl/>
      <w:ind w:right="90"/>
      <w:rPr>
        <w:kern w:val="2"/>
      </w:rPr>
    </w:pPr>
    <w:r w:rsidRPr="00256DEC">
      <w:rPr>
        <w:kern w:val="2"/>
      </w:rPr>
      <w:t>Department of Public Health</w:t>
    </w:r>
  </w:p>
  <w:p w14:paraId="769CFACE" w14:textId="07FBA186" w:rsidR="00626898" w:rsidRPr="00E06A88" w:rsidRDefault="00626898" w:rsidP="00626898">
    <w:pPr>
      <w:pStyle w:val="Header"/>
    </w:pPr>
    <w:r>
      <w:t xml:space="preserve">July </w:t>
    </w:r>
    <w:r w:rsidR="000D3604">
      <w:t>26</w:t>
    </w:r>
    <w:r w:rsidRPr="00E06A88">
      <w:t>, 202</w:t>
    </w:r>
    <w:r>
      <w:t>4</w:t>
    </w:r>
  </w:p>
  <w:p w14:paraId="7F4EA2CC" w14:textId="77777777" w:rsidR="00626898" w:rsidRPr="00E06A88" w:rsidRDefault="00626898" w:rsidP="00626898">
    <w:pPr>
      <w:pStyle w:val="Header"/>
      <w:rPr>
        <w:noProof/>
      </w:rPr>
    </w:pPr>
    <w:r w:rsidRPr="00E06A88">
      <w:t>Page</w:t>
    </w:r>
    <w:sdt>
      <w:sdtPr>
        <w:id w:val="1662042999"/>
        <w:docPartObj>
          <w:docPartGallery w:val="Page Numbers (Top of Page)"/>
          <w:docPartUnique/>
        </w:docPartObj>
      </w:sdtPr>
      <w:sdtEndPr>
        <w:rPr>
          <w:noProof/>
        </w:rPr>
      </w:sdtEndPr>
      <w:sdtContent>
        <w:r w:rsidRPr="00E06A88">
          <w:t xml:space="preserve"> </w:t>
        </w:r>
        <w:r w:rsidRPr="00E06A88">
          <w:fldChar w:fldCharType="begin"/>
        </w:r>
        <w:r w:rsidRPr="00E06A88">
          <w:instrText xml:space="preserve"> PAGE   \* MERGEFORMAT </w:instrText>
        </w:r>
        <w:r w:rsidRPr="00E06A88">
          <w:fldChar w:fldCharType="separate"/>
        </w:r>
        <w:r>
          <w:t>2</w:t>
        </w:r>
        <w:r w:rsidRPr="00E06A88">
          <w:rPr>
            <w:noProof/>
          </w:rPr>
          <w:fldChar w:fldCharType="end"/>
        </w:r>
      </w:sdtContent>
    </w:sdt>
  </w:p>
  <w:p w14:paraId="7AD04DE2" w14:textId="77777777" w:rsidR="00926FE7" w:rsidRDefault="00926FE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6915E64" w14:textId="14F5A807" w:rsidR="00570602" w:rsidRDefault="00570602">
    <w:pPr>
      <w:pStyle w:val="Header"/>
    </w:pPr>
    <w:r>
      <w:rPr>
        <w:noProof/>
      </w:rPr>
      <mc:AlternateContent>
        <mc:Choice Requires="wps">
          <w:drawing>
            <wp:anchor distT="0" distB="0" distL="114300" distR="114300" simplePos="0" relativeHeight="251661312" behindDoc="0" locked="0" layoutInCell="1" allowOverlap="1" wp14:anchorId="2F3BCB04" wp14:editId="13ABDEF0">
              <wp:simplePos x="0" y="0"/>
              <wp:positionH relativeFrom="margin">
                <wp:align>right</wp:align>
              </wp:positionH>
              <wp:positionV relativeFrom="page">
                <wp:posOffset>662940</wp:posOffset>
              </wp:positionV>
              <wp:extent cx="5943600" cy="310896"/>
              <wp:effectExtent l="0" t="0" r="0" b="17145"/>
              <wp:wrapTopAndBottom/>
              <wp:docPr id="4" name="AuthorData"/>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0123546" w14:textId="77777777" w:rsidR="00570602" w:rsidRDefault="00570602" w:rsidP="00570602">
                          <w:pPr>
                            <w:pStyle w:val="AuthorName"/>
                            <w:rPr>
                              <w:noProof/>
                            </w:rPr>
                          </w:pPr>
                          <w:r>
                            <w:rPr>
                              <w:noProof/>
                            </w:rPr>
                            <w:t>Rebecca Rodman</w:t>
                          </w:r>
                        </w:p>
                        <w:p w14:paraId="6592A1EF" w14:textId="77777777" w:rsidR="00570602" w:rsidRDefault="00570602" w:rsidP="00570602">
                          <w:pPr>
                            <w:pStyle w:val="AuthorInfo"/>
                          </w:pPr>
                          <w:r>
                            <w:t>Senior Counsel</w:t>
                          </w:r>
                        </w:p>
                        <w:p w14:paraId="455B300E" w14:textId="77777777" w:rsidR="00570602" w:rsidRDefault="00570602" w:rsidP="00570602">
                          <w:pPr>
                            <w:pStyle w:val="AuthorInfo"/>
                          </w:pPr>
                        </w:p>
                        <w:p w14:paraId="564F67F2" w14:textId="4313C7A6" w:rsidR="00570602" w:rsidRDefault="00570602" w:rsidP="00570602">
                          <w:pPr>
                            <w:pStyle w:val="AuthorInfo"/>
                          </w:pPr>
                          <w:r>
                            <w:t xml:space="preserve">One </w:t>
                          </w:r>
                          <w:r w:rsidR="00D8645B">
                            <w:t>Congress</w:t>
                          </w:r>
                          <w:r>
                            <w:t xml:space="preserve"> Street, Suite </w:t>
                          </w:r>
                          <w:r w:rsidR="00D8645B">
                            <w:t>3102</w:t>
                          </w:r>
                        </w:p>
                        <w:p w14:paraId="3F53871B" w14:textId="5CAE99AC" w:rsidR="00570602" w:rsidRDefault="00570602" w:rsidP="00570602">
                          <w:pPr>
                            <w:pStyle w:val="AuthorInfo"/>
                          </w:pPr>
                          <w:r>
                            <w:t>Boston, MA 021</w:t>
                          </w:r>
                          <w:r w:rsidR="00D8645B">
                            <w:t>14</w:t>
                          </w:r>
                        </w:p>
                        <w:p w14:paraId="0272E8A2" w14:textId="77777777" w:rsidR="00570602" w:rsidRDefault="00570602" w:rsidP="00570602">
                          <w:pPr>
                            <w:pStyle w:val="AuthorInfo"/>
                          </w:pPr>
                          <w:r>
                            <w:t>Direct: 617.279.8990</w:t>
                          </w:r>
                        </w:p>
                        <w:p w14:paraId="0D534FD1" w14:textId="77777777" w:rsidR="00570602" w:rsidRDefault="00570602" w:rsidP="00570602">
                          <w:pPr>
                            <w:pStyle w:val="AuthorInfo"/>
                          </w:pPr>
                          <w:r>
                            <w:t>Fax: 617.720.5092</w:t>
                          </w:r>
                        </w:p>
                        <w:p w14:paraId="5029CAE9" w14:textId="77777777" w:rsidR="00570602" w:rsidRDefault="00570602" w:rsidP="00570602">
                          <w:pPr>
                            <w:pStyle w:val="AuthorInfo"/>
                          </w:pPr>
                          <w:r>
                            <w:t>Rebecca.Rodman@huschblackwell.com</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2F3BCB04" id="_x0000_t202" coordsize="21600,21600" o:spt="202" path="m,l,21600r21600,l21600,xe">
              <v:stroke joinstyle="miter"/>
              <v:path gradientshapeok="t" o:connecttype="rect"/>
            </v:shapetype>
            <v:shape id="AuthorData" o:spid="_x0000_s1026" type="#_x0000_t202" style="position:absolute;margin-left:416.8pt;margin-top:52.2pt;width:468pt;height:24.5pt;z-index:251661312;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" filled="f" stroked="f">
              <v:textbox style="mso-fit-shape-to-text:t" inset="0,0,0,0">
                <w:txbxContent>
                  <w:p w14:paraId="50123546" w14:textId="77777777" w:rsidR="00570602" w:rsidRDefault="00570602" w:rsidP="00570602">
                    <w:pPr>
                      <w:pStyle w:val="AuthorName"/>
                      <w:rPr>
                        <w:noProof/>
                      </w:rPr>
                    </w:pPr>
                    <w:r>
                      <w:rPr>
                        <w:noProof/>
                      </w:rPr>
                      <w:t>Rebecca Rodman</w:t>
                    </w:r>
                  </w:p>
                  <w:p w14:paraId="6592A1EF" w14:textId="77777777" w:rsidR="00570602" w:rsidRDefault="00570602" w:rsidP="00570602">
                    <w:pPr>
                      <w:pStyle w:val="AuthorInfo"/>
                    </w:pPr>
                    <w:r>
                      <w:t>Senior Counsel</w:t>
                    </w:r>
                  </w:p>
                  <w:p w14:paraId="455B300E" w14:textId="77777777" w:rsidR="00570602" w:rsidRDefault="00570602" w:rsidP="00570602">
                    <w:pPr>
                      <w:pStyle w:val="AuthorInfo"/>
                    </w:pPr>
                  </w:p>
                  <w:p w14:paraId="564F67F2" w14:textId="4313C7A6" w:rsidR="00570602" w:rsidRDefault="00570602" w:rsidP="00570602">
                    <w:pPr>
                      <w:pStyle w:val="AuthorInfo"/>
                    </w:pPr>
                    <w:r>
                      <w:t xml:space="preserve">One </w:t>
                    </w:r>
                    <w:r w:rsidR="00D8645B">
                      <w:t>Congress</w:t>
                    </w:r>
                    <w:r>
                      <w:t xml:space="preserve"> Street, Suite </w:t>
                    </w:r>
                    <w:r w:rsidR="00D8645B">
                      <w:t>3102</w:t>
                    </w:r>
                  </w:p>
                  <w:p w14:paraId="3F53871B" w14:textId="5CAE99AC" w:rsidR="00570602" w:rsidRDefault="00570602" w:rsidP="00570602">
                    <w:pPr>
                      <w:pStyle w:val="AuthorInfo"/>
                    </w:pPr>
                    <w:r>
                      <w:t>Boston, MA 021</w:t>
                    </w:r>
                    <w:r w:rsidR="00D8645B">
                      <w:t>14</w:t>
                    </w:r>
                  </w:p>
                  <w:p w14:paraId="0272E8A2" w14:textId="77777777" w:rsidR="00570602" w:rsidRDefault="00570602" w:rsidP="00570602">
                    <w:pPr>
                      <w:pStyle w:val="AuthorInfo"/>
                    </w:pPr>
                    <w:r>
                      <w:t>Direct: 617.279.8990</w:t>
                    </w:r>
                  </w:p>
                  <w:p w14:paraId="0D534FD1" w14:textId="77777777" w:rsidR="00570602" w:rsidRDefault="00570602" w:rsidP="00570602">
                    <w:pPr>
                      <w:pStyle w:val="AuthorInfo"/>
                    </w:pPr>
                    <w:r>
                      <w:t>Fax: 617.720.5092</w:t>
                    </w:r>
                  </w:p>
                  <w:p w14:paraId="5029CAE9" w14:textId="77777777" w:rsidR="00570602" w:rsidRDefault="00570602" w:rsidP="00570602">
                    <w:pPr>
                      <w:pStyle w:val="AuthorInfo"/>
                    </w:pPr>
                    <w:r>
                      <w:t>Rebecca.Rodman@huschblackwell.com</w:t>
                    </w:r>
                  </w:p>
                </w:txbxContent>
              </v:textbox>
              <w10:wrap type="topAndBottom" anchorx="margin" anchory="page"/>
            </v:shape>
          </w:pict>
        </mc:Fallback>
      </mc:AlternateContent>
    </w:r>
    <w:r>
      <w:rPr>
        <w:noProof/>
      </w:rPr>
      <w:drawing>
        <wp:anchor distT="0" distB="0" distL="114300" distR="114300" simplePos="0" relativeHeight="251659264" behindDoc="0" locked="1" layoutInCell="1" allowOverlap="1" wp14:anchorId="06EE4AF8" wp14:editId="07E6187B">
          <wp:simplePos x="0" y="0"/>
          <wp:positionH relativeFrom="margin">
            <wp:align>center</wp:align>
          </wp:positionH>
          <wp:positionV relativeFrom="page">
            <wp:posOffset>411480</wp:posOffset>
          </wp:positionV>
          <wp:extent cx="2633345" cy="164465"/>
          <wp:effectExtent l="0" t="0" r="0" b="6985"/>
          <wp:wrapNone/>
          <wp:docPr id="839134257" name="Picture 83913425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07677421" name="Letterhea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33345" cy="164465"/>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16cid:durableId="1908606858">
    <w:abstractNumId w:val="1"/>
  </w:num>
  <w:num w:numId="2" w16cid:durableId="14617104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F1FCE"/>
    <w:rsid w:val="00086295"/>
    <w:rsid w:val="000D3604"/>
    <w:rsid w:val="00167662"/>
    <w:rsid w:val="001E62A8"/>
    <w:rsid w:val="0028784D"/>
    <w:rsid w:val="00385B59"/>
    <w:rsid w:val="00411CA8"/>
    <w:rsid w:val="004211C0"/>
    <w:rsid w:val="0050629B"/>
    <w:rsid w:val="00544E01"/>
    <w:rsid w:val="005607BF"/>
    <w:rsid w:val="00570602"/>
    <w:rsid w:val="00571AF7"/>
    <w:rsid w:val="005B3D66"/>
    <w:rsid w:val="005F67B7"/>
    <w:rsid w:val="00626898"/>
    <w:rsid w:val="00633664"/>
    <w:rsid w:val="006B3751"/>
    <w:rsid w:val="006D50C5"/>
    <w:rsid w:val="007835BE"/>
    <w:rsid w:val="00795BAA"/>
    <w:rsid w:val="007C44D0"/>
    <w:rsid w:val="00906C39"/>
    <w:rsid w:val="00926FE7"/>
    <w:rsid w:val="00927037"/>
    <w:rsid w:val="00950F4A"/>
    <w:rsid w:val="009C4CC9"/>
    <w:rsid w:val="00A64125"/>
    <w:rsid w:val="00A82A04"/>
    <w:rsid w:val="00AA2B1B"/>
    <w:rsid w:val="00B169E1"/>
    <w:rsid w:val="00B57069"/>
    <w:rsid w:val="00B84343"/>
    <w:rsid w:val="00B924F4"/>
    <w:rsid w:val="00BD4B41"/>
    <w:rsid w:val="00C31B08"/>
    <w:rsid w:val="00C57D2A"/>
    <w:rsid w:val="00CA0053"/>
    <w:rsid w:val="00CF1FCE"/>
    <w:rsid w:val="00CF324B"/>
    <w:rsid w:val="00D51421"/>
    <w:rsid w:val="00D8645B"/>
    <w:rsid w:val="00D952A3"/>
    <w:rsid w:val="00D97A03"/>
    <w:rsid w:val="00DB2F9B"/>
    <w:rsid w:val="00E0415C"/>
    <w:rsid w:val="00E27981"/>
    <w:rsid w:val="00E3620C"/>
    <w:rsid w:val="00E51328"/>
    <w:rsid w:val="00E85CF9"/>
    <w:rsid w:val="00EB3DC4"/>
    <w:rsid w:val="00EE1157"/>
    <w:rsid w:val="00F33709"/>
    <w:rsid w:val="00F75322"/>
    <w:rsid w:val="00FD1956"/>
    <w:rsid w:val="00FF55E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D41BB6C"/>
  <w15:chartTrackingRefBased/>
  <w15:docId w15:val="{F3498406-CF93-45C5-81D0-EF61F57DB98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customStyle="1" w:styleId="Default">
    <w:name w:val="Default"/>
    <w:rsid w:val="00CF1FCE"/>
    <w:pPr>
      <w:autoSpaceDE w:val="0"/>
      <w:autoSpaceDN w:val="0"/>
      <w:adjustRightInd w:val="0"/>
      <w:spacing w:after="0" w:line="240" w:lineRule="auto"/>
    </w:pPr>
    <w:rPr>
      <w:rFonts w:ascii="Times New Roman" w:hAnsi="Times New Roman" w:cs="Times New Roman"/>
      <w:color w:val="000000"/>
      <w:sz w:val="24"/>
      <w:szCs w:val="24"/>
    </w:rPr>
  </w:style>
  <w:style w:type="character" w:styleId="Hyperlink">
    <w:name w:val="Hyperlink"/>
    <w:basedOn w:val="DefaultParagraphFont"/>
    <w:uiPriority w:val="99"/>
    <w:unhideWhenUsed/>
    <w:rsid w:val="005607BF"/>
    <w:rPr>
      <w:color w:val="0563C1"/>
      <w:u w:val="single"/>
    </w:rPr>
  </w:style>
  <w:style w:type="paragraph" w:styleId="Header">
    <w:name w:val="header"/>
    <w:basedOn w:val="Normal"/>
    <w:link w:val="HeaderChar"/>
    <w:uiPriority w:val="99"/>
    <w:unhideWhenUsed/>
    <w:rsid w:val="00570602"/>
    <w:pPr>
      <w:tabs>
        <w:tab w:val="center" w:pos="4680"/>
        <w:tab w:val="right" w:pos="9360"/>
      </w:tabs>
    </w:pPr>
  </w:style>
  <w:style w:type="character" w:customStyle="1" w:styleId="HeaderChar">
    <w:name w:val="Header Char"/>
    <w:basedOn w:val="DefaultParagraphFont"/>
    <w:link w:val="Header"/>
    <w:uiPriority w:val="99"/>
    <w:rsid w:val="00570602"/>
    <w:rPr>
      <w:rFonts w:ascii="Times New Roman" w:hAnsi="Times New Roman" w:cs="Times New Roman"/>
      <w:sz w:val="24"/>
      <w:szCs w:val="24"/>
    </w:rPr>
  </w:style>
  <w:style w:type="paragraph" w:styleId="Footer">
    <w:name w:val="footer"/>
    <w:basedOn w:val="Normal"/>
    <w:link w:val="FooterChar"/>
    <w:uiPriority w:val="99"/>
    <w:unhideWhenUsed/>
    <w:rsid w:val="00570602"/>
    <w:pPr>
      <w:tabs>
        <w:tab w:val="center" w:pos="4680"/>
        <w:tab w:val="right" w:pos="9360"/>
      </w:tabs>
    </w:pPr>
  </w:style>
  <w:style w:type="character" w:customStyle="1" w:styleId="FooterChar">
    <w:name w:val="Footer Char"/>
    <w:basedOn w:val="DefaultParagraphFont"/>
    <w:link w:val="Footer"/>
    <w:uiPriority w:val="99"/>
    <w:rsid w:val="00570602"/>
    <w:rPr>
      <w:rFonts w:ascii="Times New Roman" w:hAnsi="Times New Roman" w:cs="Times New Roman"/>
      <w:sz w:val="24"/>
      <w:szCs w:val="24"/>
    </w:rPr>
  </w:style>
  <w:style w:type="paragraph" w:customStyle="1" w:styleId="AuthorName">
    <w:name w:val="_AuthorName"/>
    <w:basedOn w:val="Normal"/>
    <w:next w:val="AuthorInfo"/>
    <w:uiPriority w:val="99"/>
    <w:semiHidden/>
    <w:unhideWhenUsed/>
    <w:rsid w:val="00570602"/>
    <w:pPr>
      <w:suppressAutoHyphens w:val="0"/>
    </w:pPr>
    <w:rPr>
      <w:sz w:val="22"/>
      <w:szCs w:val="20"/>
    </w:rPr>
  </w:style>
  <w:style w:type="paragraph" w:customStyle="1" w:styleId="AuthorInfo">
    <w:name w:val="_AuthorInfo"/>
    <w:basedOn w:val="AuthorName"/>
    <w:uiPriority w:val="99"/>
    <w:semiHidden/>
    <w:unhideWhenUsed/>
    <w:rsid w:val="00570602"/>
    <w:rPr>
      <w:sz w:val="20"/>
    </w:rPr>
  </w:style>
  <w:style w:type="paragraph" w:customStyle="1" w:styleId="LetterSigBlock">
    <w:name w:val="_Letter Sig Block"/>
    <w:basedOn w:val="Normal"/>
    <w:uiPriority w:val="98"/>
    <w:semiHidden/>
    <w:rsid w:val="00570602"/>
    <w:pPr>
      <w:suppressAutoHyphens w:val="0"/>
    </w:pPr>
    <w:rPr>
      <w:noProof/>
      <w:szCs w:val="20"/>
    </w:rPr>
  </w:style>
  <w:style w:type="character" w:customStyle="1" w:styleId="DocID">
    <w:name w:val="DocID"/>
    <w:basedOn w:val="DefaultParagraphFont"/>
    <w:uiPriority w:val="1"/>
    <w:rsid w:val="00570602"/>
    <w:rPr>
      <w:rFonts w:ascii="Times New Roman" w:hAnsi="Times New Roman"/>
      <w:sz w:val="16"/>
      <w:szCs w:val="16"/>
    </w:rPr>
  </w:style>
  <w:style w:type="paragraph" w:styleId="BodyText">
    <w:name w:val="Body Text"/>
    <w:basedOn w:val="Normal"/>
    <w:link w:val="BodyTextChar"/>
    <w:uiPriority w:val="1"/>
    <w:qFormat/>
    <w:rsid w:val="00626898"/>
    <w:pPr>
      <w:widowControl w:val="0"/>
      <w:suppressAutoHyphens w:val="0"/>
      <w:autoSpaceDE w:val="0"/>
      <w:autoSpaceDN w:val="0"/>
    </w:pPr>
  </w:style>
  <w:style w:type="character" w:customStyle="1" w:styleId="BodyTextChar">
    <w:name w:val="Body Text Char"/>
    <w:basedOn w:val="DefaultParagraphFont"/>
    <w:link w:val="BodyText"/>
    <w:uiPriority w:val="1"/>
    <w:rsid w:val="00626898"/>
    <w:rPr>
      <w:rFonts w:ascii="Times New Roman" w:hAnsi="Times New Roman" w:cs="Times New Roman"/>
      <w:sz w:val="24"/>
      <w:szCs w:val="24"/>
    </w:rPr>
  </w:style>
  <w:style w:type="character" w:styleId="UnresolvedMention">
    <w:name w:val="Unresolved Mention"/>
    <w:basedOn w:val="DefaultParagraphFont"/>
    <w:uiPriority w:val="99"/>
    <w:semiHidden/>
    <w:unhideWhenUsed/>
    <w:rsid w:val="00D8645B"/>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8802875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stan.mclaren@steward.org" TargetMode="External"/><Relationship Id="rId13" Type="http://schemas.openxmlformats.org/officeDocument/2006/relationships/footer" Target="footer2.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microsoft.com/office/2006/relationships/keyMapCustomizations" Target="customizations.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image" Target="media/image1.jpeg"/><Relationship Id="rId14" Type="http://schemas.openxmlformats.org/officeDocument/2006/relationships/header" Target="header3.xml"/></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TotalTime>
  <Pages>2</Pages>
  <Words>244</Words>
  <Characters>1376</Characters>
  <Application>Microsoft Office Word</Application>
  <DocSecurity>0</DocSecurity>
  <Lines>44</Lines>
  <Paragraphs>2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iolfi, Kasey</dc:creator>
  <cp:keywords/>
  <dc:description/>
  <cp:lastModifiedBy>Healy, Terry</cp:lastModifiedBy>
  <cp:revision>5</cp:revision>
  <dcterms:created xsi:type="dcterms:W3CDTF">2024-07-26T15:49:00Z</dcterms:created>
  <dcterms:modified xsi:type="dcterms:W3CDTF">2024-07-26T16: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73-3208-4691.1</vt:lpwstr>
  </property>
  <property fmtid="{D5CDD505-2E9C-101B-9397-08002B2CF9AE}" pid="3" name="DocXLocation">
    <vt:lpwstr>EveryPage</vt:lpwstr>
  </property>
  <property fmtid="{D5CDD505-2E9C-101B-9397-08002B2CF9AE}" pid="4" name="DocXFormat">
    <vt:lpwstr>HB DocID w/ver w/HB Label</vt:lpwstr>
  </property>
  <property fmtid="{D5CDD505-2E9C-101B-9397-08002B2CF9AE}" pid="5" name="DocXRemovePrint">
    <vt:lpwstr>False</vt:lpwstr>
  </property>
  <property fmtid="{D5CDD505-2E9C-101B-9397-08002B2CF9AE}" pid="6" name="ndDocumentId">
    <vt:lpwstr>4873-3208-4691</vt:lpwstr>
  </property>
</Properties>
</file>